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628"/>
  <workbookPr/>
  <mc:AlternateContent xmlns:mc="http://schemas.openxmlformats.org/markup-compatibility/2006">
    <mc:Choice Requires="x15">
      <x15ac:absPath xmlns:x15ac="http://schemas.microsoft.com/office/spreadsheetml/2010/11/ac" url="https://d.docs.live.net/23e09a0b94ac5cdd/Documents/DPC/Finance/AGAR/2324/"/>
    </mc:Choice>
  </mc:AlternateContent>
  <xr:revisionPtr revIDLastSave="55" documentId="8_{ACB583AE-AFF2-4664-B793-E2472171B192}" xr6:coauthVersionLast="47" xr6:coauthVersionMax="47" xr10:uidLastSave="{8E59CA9E-4C01-474E-BE6C-FC6DFAA96551}"/>
  <bookViews>
    <workbookView xWindow="-110" yWindow="-110" windowWidth="22780" windowHeight="14540" tabRatio="874" firstSheet="1" activeTab="2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C13" i="13"/>
  <c r="D13" i="13"/>
  <c r="D40" i="11" l="1"/>
  <c r="F21" i="14"/>
  <c r="F18" i="14"/>
  <c r="G22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8" uniqueCount="79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Garden of Reflection</t>
  </si>
  <si>
    <t>Play Equipment</t>
  </si>
  <si>
    <t>White Gates Initiative</t>
  </si>
  <si>
    <t>Cemetery</t>
  </si>
  <si>
    <t>Goals</t>
  </si>
  <si>
    <t>Pavilion</t>
  </si>
  <si>
    <t>Waste Prevention Grant</t>
  </si>
  <si>
    <t>6 months running costs</t>
  </si>
  <si>
    <t>Decrease in VAT received</t>
  </si>
  <si>
    <t>Decrease in cemetery income</t>
  </si>
  <si>
    <t>Decrease in sundries</t>
  </si>
  <si>
    <t>Netted down by increase in bank interest</t>
  </si>
  <si>
    <t>No CIL income was received in 23/2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0" fillId="0" borderId="3" xfId="0" applyFont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E17" sqref="E17"/>
    </sheetView>
  </sheetViews>
  <sheetFormatPr defaultRowHeight="14.5" x14ac:dyDescent="0.35"/>
  <cols>
    <col min="1" max="1" width="4.1796875" customWidth="1"/>
    <col min="2" max="2" width="28.7265625" style="22" customWidth="1"/>
    <col min="3" max="6" width="16.54296875" customWidth="1"/>
    <col min="7" max="8" width="16.54296875" hidden="1" customWidth="1"/>
    <col min="9" max="9" width="77.1796875" style="24" customWidth="1"/>
    <col min="10" max="10" width="23.1796875" bestFit="1" customWidth="1"/>
  </cols>
  <sheetData>
    <row r="1" spans="2:10" ht="17.25" customHeight="1" x14ac:dyDescent="0.35">
      <c r="B1" s="26" t="s">
        <v>53</v>
      </c>
    </row>
    <row r="3" spans="2:10" ht="15" customHeight="1" x14ac:dyDescent="0.35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4"/>
    <row r="5" spans="2:10" ht="15" customHeight="1" x14ac:dyDescent="0.35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29" x14ac:dyDescent="0.35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9" x14ac:dyDescent="0.35">
      <c r="B7" s="30" t="s">
        <v>17</v>
      </c>
      <c r="C7" s="68">
        <v>50407</v>
      </c>
      <c r="D7" s="68">
        <v>113107</v>
      </c>
      <c r="E7" s="55"/>
      <c r="F7" s="55"/>
      <c r="G7" s="50"/>
      <c r="H7" s="50"/>
      <c r="I7" s="39" t="s">
        <v>36</v>
      </c>
      <c r="J7" s="44"/>
    </row>
    <row r="8" spans="2:10" s="21" customFormat="1" ht="29" x14ac:dyDescent="0.35">
      <c r="B8" s="30" t="s">
        <v>18</v>
      </c>
      <c r="C8" s="68">
        <v>37665</v>
      </c>
      <c r="D8" s="68">
        <v>37665</v>
      </c>
      <c r="E8" s="50">
        <f>D8-C8</f>
        <v>0</v>
      </c>
      <c r="F8" s="49">
        <f>IF(AND(C8=0,D8=0),0,IF(C8=0,1,IF(D8=0,-1,(D8-C8)/C8)))</f>
        <v>0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5">
      <c r="B9" s="30" t="s">
        <v>20</v>
      </c>
      <c r="C9" s="68">
        <v>80832</v>
      </c>
      <c r="D9" s="68">
        <v>11417</v>
      </c>
      <c r="E9" s="50">
        <f t="shared" ref="E9:E12" si="0">D9-C9</f>
        <v>-69415</v>
      </c>
      <c r="F9" s="49">
        <f t="shared" ref="F9:F12" si="1">IF(AND(C9=0,D9=0),0,IF(C9=0,1,IF(D9=0,-1,(D9-C9)/C9)))</f>
        <v>-0.85875643309580363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5" x14ac:dyDescent="0.35">
      <c r="B10" s="31" t="s">
        <v>22</v>
      </c>
      <c r="C10" s="68">
        <v>10962</v>
      </c>
      <c r="D10" s="68">
        <v>11070</v>
      </c>
      <c r="E10" s="50">
        <f t="shared" si="0"/>
        <v>108</v>
      </c>
      <c r="F10" s="49">
        <f t="shared" si="1"/>
        <v>9.852216748768473E-3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9" x14ac:dyDescent="0.35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9" x14ac:dyDescent="0.35">
      <c r="B12" s="31" t="s">
        <v>26</v>
      </c>
      <c r="C12" s="68">
        <v>44835</v>
      </c>
      <c r="D12" s="68">
        <v>38353</v>
      </c>
      <c r="E12" s="50">
        <f t="shared" si="0"/>
        <v>-6482</v>
      </c>
      <c r="F12" s="49">
        <f t="shared" si="1"/>
        <v>-0.14457455113192819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4">
      <c r="B13" s="32" t="s">
        <v>28</v>
      </c>
      <c r="C13" s="69">
        <f>C7+C8+C9-C10-C11-C12</f>
        <v>113107</v>
      </c>
      <c r="D13" s="69">
        <f>D7+D8+D9-D10-D11-D12</f>
        <v>112766</v>
      </c>
      <c r="E13" s="56"/>
      <c r="F13" s="56"/>
      <c r="G13" s="51"/>
      <c r="H13" s="51"/>
      <c r="I13" s="40" t="s">
        <v>29</v>
      </c>
      <c r="J13" s="46" t="s">
        <v>61</v>
      </c>
    </row>
    <row r="14" spans="2:10" ht="15" thickBot="1" x14ac:dyDescent="0.4">
      <c r="B14" s="23"/>
      <c r="C14" s="52" t="s">
        <v>52</v>
      </c>
      <c r="D14" s="52" t="s">
        <v>52</v>
      </c>
      <c r="E14" s="52"/>
      <c r="F14" s="52"/>
      <c r="G14" s="52"/>
      <c r="H14" s="52"/>
      <c r="I14" s="25"/>
      <c r="J14" s="46"/>
    </row>
    <row r="15" spans="2:10" ht="29" x14ac:dyDescent="0.35">
      <c r="B15" s="33" t="s">
        <v>30</v>
      </c>
      <c r="C15" s="70">
        <v>113107</v>
      </c>
      <c r="D15" s="70">
        <v>112766</v>
      </c>
      <c r="E15" s="54"/>
      <c r="F15" s="57"/>
      <c r="G15" s="53"/>
      <c r="H15" s="53"/>
      <c r="I15" s="41" t="s">
        <v>31</v>
      </c>
      <c r="J15" s="45"/>
    </row>
    <row r="16" spans="2:10" ht="29" x14ac:dyDescent="0.35">
      <c r="B16" s="31" t="s">
        <v>32</v>
      </c>
      <c r="C16" s="68">
        <v>104696</v>
      </c>
      <c r="D16" s="68">
        <v>118183</v>
      </c>
      <c r="E16" s="50">
        <f>D16-C16</f>
        <v>13487</v>
      </c>
      <c r="F16" s="49">
        <f t="shared" ref="F16:F17" si="5">IF(AND(C16=0,D16=0),0,IF(C16=0,1,IF(D16=0,-1,(D16-C16)/C16)))</f>
        <v>0.12882058531367005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5" thickBot="1" x14ac:dyDescent="0.4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2:6" x14ac:dyDescent="0.35">
      <c r="B1" s="15" t="s">
        <v>3</v>
      </c>
    </row>
    <row r="3" spans="2:6" x14ac:dyDescent="0.35">
      <c r="B3" s="8"/>
    </row>
    <row r="4" spans="2:6" x14ac:dyDescent="0.35">
      <c r="B4" t="s">
        <v>2</v>
      </c>
      <c r="C4" s="36">
        <f>'Accounting Statement'!C8</f>
        <v>37665</v>
      </c>
      <c r="D4" t="s">
        <v>54</v>
      </c>
      <c r="E4" s="36">
        <f>'Accounting Statement'!D8</f>
        <v>37665</v>
      </c>
    </row>
    <row r="6" spans="2:6" x14ac:dyDescent="0.35">
      <c r="D6" t="s">
        <v>5</v>
      </c>
      <c r="E6" s="1">
        <f>E4-C4</f>
        <v>0</v>
      </c>
    </row>
    <row r="7" spans="2:6" x14ac:dyDescent="0.3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5">
      <c r="B9" s="8" t="s">
        <v>7</v>
      </c>
    </row>
    <row r="10" spans="2:6" x14ac:dyDescent="0.35">
      <c r="B10" s="8"/>
    </row>
    <row r="11" spans="2:6" s="3" customFormat="1" ht="26.5" x14ac:dyDescent="0.3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2:6" s="11" customFormat="1" x14ac:dyDescent="0.35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35">
      <c r="B13" s="12"/>
      <c r="C13" s="12"/>
      <c r="D13" s="13">
        <f t="shared" si="0"/>
        <v>0</v>
      </c>
      <c r="E13" s="80"/>
      <c r="F13" s="81"/>
    </row>
    <row r="14" spans="2:6" s="11" customFormat="1" x14ac:dyDescent="0.35">
      <c r="B14" s="12"/>
      <c r="C14" s="12"/>
      <c r="D14" s="13">
        <f t="shared" si="0"/>
        <v>0</v>
      </c>
      <c r="E14" s="80"/>
      <c r="F14" s="81"/>
    </row>
    <row r="15" spans="2:6" s="11" customFormat="1" x14ac:dyDescent="0.35">
      <c r="B15" s="12"/>
      <c r="C15" s="12"/>
      <c r="D15" s="13">
        <f t="shared" si="0"/>
        <v>0</v>
      </c>
      <c r="E15" s="80"/>
      <c r="F15" s="81"/>
    </row>
    <row r="16" spans="2:6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x14ac:dyDescent="0.3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abSelected="1" workbookViewId="0">
      <selection activeCell="E16" sqref="E16:F16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8</v>
      </c>
    </row>
    <row r="3" spans="1:7" x14ac:dyDescent="0.35">
      <c r="B3" s="8"/>
    </row>
    <row r="4" spans="1:7" x14ac:dyDescent="0.35">
      <c r="B4" t="s">
        <v>2</v>
      </c>
      <c r="C4" s="36">
        <f>'Accounting Statement'!C9</f>
        <v>80832</v>
      </c>
      <c r="D4" t="s">
        <v>54</v>
      </c>
      <c r="E4" s="36">
        <f>'Accounting Statement'!D9</f>
        <v>11417</v>
      </c>
    </row>
    <row r="6" spans="1:7" x14ac:dyDescent="0.35">
      <c r="D6" t="s">
        <v>5</v>
      </c>
      <c r="E6" s="1">
        <f>E4-C4</f>
        <v>-69415</v>
      </c>
    </row>
    <row r="7" spans="1:7" x14ac:dyDescent="0.35">
      <c r="D7" t="s">
        <v>39</v>
      </c>
      <c r="E7" s="6">
        <f>IF(AND(C4=0,E4=0),0,IF(C4=0,1,IF(E4=0,-1,(E4-C4)/C4)))</f>
        <v>-0.85875643309580363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7</v>
      </c>
    </row>
    <row r="10" spans="1:7" x14ac:dyDescent="0.35">
      <c r="B10" s="76" t="s">
        <v>40</v>
      </c>
    </row>
    <row r="11" spans="1:7" x14ac:dyDescent="0.35">
      <c r="B11" s="76" t="s">
        <v>56</v>
      </c>
    </row>
    <row r="12" spans="1:7" x14ac:dyDescent="0.35">
      <c r="B12" s="76"/>
    </row>
    <row r="13" spans="1:7" x14ac:dyDescent="0.35">
      <c r="B13" s="8"/>
    </row>
    <row r="14" spans="1:7" s="3" customFormat="1" ht="26.5" x14ac:dyDescent="0.35">
      <c r="B14" s="4" t="s">
        <v>4</v>
      </c>
      <c r="C14" s="4" t="s">
        <v>55</v>
      </c>
      <c r="D14" s="5" t="s">
        <v>5</v>
      </c>
      <c r="E14" s="82" t="s">
        <v>1</v>
      </c>
      <c r="F14" s="83"/>
    </row>
    <row r="15" spans="1:7" s="17" customFormat="1" x14ac:dyDescent="0.35">
      <c r="A15" s="16"/>
      <c r="B15" s="13">
        <v>67904</v>
      </c>
      <c r="C15" s="13">
        <v>0</v>
      </c>
      <c r="D15" s="74">
        <f>C15-B15</f>
        <v>-67904</v>
      </c>
      <c r="E15" s="80" t="s">
        <v>78</v>
      </c>
      <c r="F15" s="88"/>
      <c r="G15" s="16"/>
    </row>
    <row r="16" spans="1:7" s="11" customFormat="1" x14ac:dyDescent="0.35">
      <c r="B16" s="12">
        <v>640</v>
      </c>
      <c r="C16" s="12">
        <v>0</v>
      </c>
      <c r="D16" s="74">
        <f t="shared" ref="D16:D29" si="0">C16-B16</f>
        <v>-640</v>
      </c>
      <c r="E16" s="80" t="s">
        <v>74</v>
      </c>
      <c r="F16" s="87"/>
    </row>
    <row r="17" spans="1:8" s="11" customFormat="1" x14ac:dyDescent="0.35">
      <c r="B17" s="12">
        <v>1950</v>
      </c>
      <c r="C17" s="12"/>
      <c r="D17" s="74">
        <f t="shared" si="0"/>
        <v>-1950</v>
      </c>
      <c r="E17" s="80" t="s">
        <v>75</v>
      </c>
      <c r="F17" s="87"/>
    </row>
    <row r="18" spans="1:8" s="11" customFormat="1" x14ac:dyDescent="0.35">
      <c r="B18" s="12">
        <v>773</v>
      </c>
      <c r="C18" s="12">
        <v>0</v>
      </c>
      <c r="D18" s="74">
        <f t="shared" si="0"/>
        <v>-773</v>
      </c>
      <c r="E18" s="80" t="s">
        <v>76</v>
      </c>
      <c r="F18" s="87"/>
    </row>
    <row r="19" spans="1:8" s="11" customFormat="1" x14ac:dyDescent="0.35">
      <c r="B19" s="12">
        <v>0</v>
      </c>
      <c r="C19" s="12">
        <v>1852</v>
      </c>
      <c r="D19" s="74">
        <f t="shared" si="0"/>
        <v>1852</v>
      </c>
      <c r="E19" s="80" t="s">
        <v>77</v>
      </c>
      <c r="F19" s="87"/>
    </row>
    <row r="20" spans="1:8" s="11" customFormat="1" x14ac:dyDescent="0.35">
      <c r="B20" s="12"/>
      <c r="C20" s="12"/>
      <c r="D20" s="74">
        <f t="shared" si="0"/>
        <v>0</v>
      </c>
      <c r="E20" s="80"/>
      <c r="F20" s="81"/>
    </row>
    <row r="21" spans="1:8" s="11" customFormat="1" x14ac:dyDescent="0.35">
      <c r="B21" s="12"/>
      <c r="C21" s="12"/>
      <c r="D21" s="74">
        <f t="shared" si="0"/>
        <v>0</v>
      </c>
      <c r="E21" s="80"/>
      <c r="F21" s="81"/>
    </row>
    <row r="22" spans="1:8" s="11" customFormat="1" x14ac:dyDescent="0.35">
      <c r="B22" s="12"/>
      <c r="C22" s="12"/>
      <c r="D22" s="74">
        <f t="shared" si="0"/>
        <v>0</v>
      </c>
      <c r="E22" s="80"/>
      <c r="F22" s="81"/>
    </row>
    <row r="23" spans="1:8" s="11" customFormat="1" x14ac:dyDescent="0.35">
      <c r="B23" s="12"/>
      <c r="C23" s="12"/>
      <c r="D23" s="74">
        <f t="shared" si="0"/>
        <v>0</v>
      </c>
      <c r="E23" s="80"/>
      <c r="F23" s="81"/>
    </row>
    <row r="24" spans="1:8" s="11" customFormat="1" x14ac:dyDescent="0.35">
      <c r="B24" s="12"/>
      <c r="C24" s="12"/>
      <c r="D24" s="74">
        <f t="shared" si="0"/>
        <v>0</v>
      </c>
      <c r="E24" s="80"/>
      <c r="F24" s="81"/>
    </row>
    <row r="25" spans="1:8" s="11" customFormat="1" x14ac:dyDescent="0.35">
      <c r="B25" s="12"/>
      <c r="C25" s="12"/>
      <c r="D25" s="74">
        <f t="shared" si="0"/>
        <v>0</v>
      </c>
      <c r="E25" s="80"/>
      <c r="F25" s="81"/>
    </row>
    <row r="26" spans="1:8" s="11" customFormat="1" x14ac:dyDescent="0.35">
      <c r="B26" s="12"/>
      <c r="C26" s="12"/>
      <c r="D26" s="74">
        <f t="shared" si="0"/>
        <v>0</v>
      </c>
      <c r="E26" s="80"/>
      <c r="F26" s="81"/>
    </row>
    <row r="27" spans="1:8" s="11" customFormat="1" x14ac:dyDescent="0.35">
      <c r="B27" s="12"/>
      <c r="C27" s="12"/>
      <c r="D27" s="74">
        <f t="shared" si="0"/>
        <v>0</v>
      </c>
      <c r="E27" s="80"/>
      <c r="F27" s="81"/>
    </row>
    <row r="28" spans="1:8" s="11" customFormat="1" x14ac:dyDescent="0.35">
      <c r="B28" s="12"/>
      <c r="C28" s="12"/>
      <c r="D28" s="74">
        <f t="shared" si="0"/>
        <v>0</v>
      </c>
      <c r="E28" s="80"/>
      <c r="F28" s="81"/>
    </row>
    <row r="29" spans="1:8" s="11" customFormat="1" x14ac:dyDescent="0.35">
      <c r="B29" s="12"/>
      <c r="C29" s="12"/>
      <c r="D29" s="74">
        <f t="shared" si="0"/>
        <v>0</v>
      </c>
      <c r="E29" s="80"/>
      <c r="F29" s="81"/>
    </row>
    <row r="30" spans="1:8" x14ac:dyDescent="0.35">
      <c r="A30" s="9" t="s">
        <v>0</v>
      </c>
      <c r="B30" s="10">
        <f>SUM(B15:B29)</f>
        <v>71267</v>
      </c>
      <c r="C30" s="10">
        <f>SUM(C15:C29)</f>
        <v>1852</v>
      </c>
      <c r="D30" s="75">
        <f>SUM(D15:D29)</f>
        <v>-69415</v>
      </c>
      <c r="E30" s="84"/>
      <c r="F30" s="81"/>
      <c r="G30" s="7"/>
    </row>
    <row r="31" spans="1:8" x14ac:dyDescent="0.35">
      <c r="H31" s="2"/>
    </row>
    <row r="32" spans="1:8" x14ac:dyDescent="0.35">
      <c r="F32" s="7"/>
    </row>
    <row r="33" spans="1:1" x14ac:dyDescent="0.35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9</v>
      </c>
    </row>
    <row r="3" spans="1:7" x14ac:dyDescent="0.35">
      <c r="B3" s="8"/>
    </row>
    <row r="4" spans="1:7" x14ac:dyDescent="0.35">
      <c r="B4" t="s">
        <v>2</v>
      </c>
      <c r="C4" s="36">
        <f>'Accounting Statement'!C10</f>
        <v>10962</v>
      </c>
      <c r="D4" t="s">
        <v>54</v>
      </c>
      <c r="E4" s="36">
        <f>'Accounting Statement'!D10</f>
        <v>11070</v>
      </c>
    </row>
    <row r="6" spans="1:7" x14ac:dyDescent="0.35">
      <c r="D6" t="s">
        <v>5</v>
      </c>
      <c r="E6" s="1">
        <f>E4-C4</f>
        <v>108</v>
      </c>
    </row>
    <row r="7" spans="1:7" x14ac:dyDescent="0.35">
      <c r="D7" t="s">
        <v>39</v>
      </c>
      <c r="E7" s="6">
        <f>IF(AND(C4=0,E4=0),0,IF(C4=0,1,IF(E4=0,-1,(E4-C4)/C4)))</f>
        <v>9.852216748768473E-3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7</v>
      </c>
    </row>
    <row r="10" spans="1:7" x14ac:dyDescent="0.35">
      <c r="B10" s="76" t="s">
        <v>65</v>
      </c>
    </row>
    <row r="11" spans="1:7" x14ac:dyDescent="0.35">
      <c r="B11" s="8"/>
    </row>
    <row r="12" spans="1:7" s="3" customFormat="1" ht="26.5" x14ac:dyDescent="0.35">
      <c r="B12" s="4" t="s">
        <v>4</v>
      </c>
      <c r="C12" s="4" t="s">
        <v>55</v>
      </c>
      <c r="D12" s="5" t="s">
        <v>5</v>
      </c>
      <c r="E12" s="82" t="s">
        <v>1</v>
      </c>
      <c r="F12" s="83"/>
    </row>
    <row r="13" spans="1:7" s="17" customFormat="1" x14ac:dyDescent="0.3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s="11" customFormat="1" x14ac:dyDescent="0.35">
      <c r="B26" s="12"/>
      <c r="C26" s="12"/>
      <c r="D26" s="13">
        <f t="shared" si="0"/>
        <v>0</v>
      </c>
      <c r="E26" s="80"/>
      <c r="F26" s="81"/>
    </row>
    <row r="27" spans="1:8" s="11" customFormat="1" x14ac:dyDescent="0.35">
      <c r="B27" s="12"/>
      <c r="C27" s="12"/>
      <c r="D27" s="13">
        <f t="shared" si="0"/>
        <v>0</v>
      </c>
      <c r="E27" s="80"/>
      <c r="F27" s="81"/>
    </row>
    <row r="28" spans="1:8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10</v>
      </c>
    </row>
    <row r="3" spans="1:7" x14ac:dyDescent="0.35">
      <c r="B3" s="8"/>
    </row>
    <row r="4" spans="1:7" x14ac:dyDescent="0.35">
      <c r="B4" t="s">
        <v>2</v>
      </c>
      <c r="C4" s="36">
        <f>'Accounting Statement'!C11</f>
        <v>0</v>
      </c>
      <c r="D4" t="s">
        <v>54</v>
      </c>
      <c r="E4" s="36">
        <f>'Accounting Statement'!D11</f>
        <v>0</v>
      </c>
    </row>
    <row r="6" spans="1:7" x14ac:dyDescent="0.35">
      <c r="D6" t="s">
        <v>5</v>
      </c>
      <c r="E6" s="1">
        <f>E4-C4</f>
        <v>0</v>
      </c>
    </row>
    <row r="7" spans="1:7" x14ac:dyDescent="0.3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7</v>
      </c>
    </row>
    <row r="10" spans="1:7" x14ac:dyDescent="0.35">
      <c r="B10" s="8"/>
    </row>
    <row r="11" spans="1:7" s="3" customFormat="1" ht="26.5" x14ac:dyDescent="0.3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1:7" s="17" customFormat="1" x14ac:dyDescent="0.3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35">
      <c r="B14" s="12"/>
      <c r="C14" s="12"/>
      <c r="D14" s="13">
        <f t="shared" si="0"/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s="11" customFormat="1" x14ac:dyDescent="0.35">
      <c r="B19" s="12"/>
      <c r="C19" s="12"/>
      <c r="D19" s="13">
        <f t="shared" si="0"/>
        <v>0</v>
      </c>
      <c r="E19" s="80"/>
      <c r="F19" s="81"/>
    </row>
    <row r="20" spans="1:8" s="11" customFormat="1" x14ac:dyDescent="0.35">
      <c r="B20" s="12"/>
      <c r="C20" s="12"/>
      <c r="D20" s="13">
        <f t="shared" si="0"/>
        <v>0</v>
      </c>
      <c r="E20" s="80"/>
      <c r="F20" s="81"/>
    </row>
    <row r="21" spans="1:8" s="11" customFormat="1" x14ac:dyDescent="0.35">
      <c r="B21" s="12"/>
      <c r="C21" s="12"/>
      <c r="D21" s="13">
        <f t="shared" si="0"/>
        <v>0</v>
      </c>
      <c r="E21" s="80"/>
      <c r="F21" s="81"/>
    </row>
    <row r="22" spans="1:8" s="11" customFormat="1" x14ac:dyDescent="0.35">
      <c r="B22" s="12"/>
      <c r="C22" s="12"/>
      <c r="D22" s="13">
        <f t="shared" si="0"/>
        <v>0</v>
      </c>
      <c r="E22" s="80"/>
      <c r="F22" s="81"/>
    </row>
    <row r="23" spans="1:8" s="11" customFormat="1" x14ac:dyDescent="0.35">
      <c r="B23" s="12"/>
      <c r="C23" s="12"/>
      <c r="D23" s="13">
        <f t="shared" si="0"/>
        <v>0</v>
      </c>
      <c r="E23" s="80"/>
      <c r="F23" s="81"/>
    </row>
    <row r="24" spans="1:8" s="11" customFormat="1" x14ac:dyDescent="0.35">
      <c r="B24" s="12"/>
      <c r="C24" s="12"/>
      <c r="D24" s="13">
        <f t="shared" si="0"/>
        <v>0</v>
      </c>
      <c r="E24" s="80"/>
      <c r="F24" s="81"/>
    </row>
    <row r="25" spans="1:8" s="11" customFormat="1" x14ac:dyDescent="0.35">
      <c r="B25" s="12"/>
      <c r="C25" s="12"/>
      <c r="D25" s="13">
        <f t="shared" si="0"/>
        <v>0</v>
      </c>
      <c r="E25" s="80"/>
      <c r="F25" s="81"/>
    </row>
    <row r="26" spans="1:8" s="11" customFormat="1" x14ac:dyDescent="0.35">
      <c r="B26" s="12"/>
      <c r="C26" s="12"/>
      <c r="D26" s="13">
        <f t="shared" si="0"/>
        <v>0</v>
      </c>
      <c r="E26" s="80"/>
      <c r="F26" s="81"/>
    </row>
    <row r="27" spans="1:8" x14ac:dyDescent="0.3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13" sqref="G13:H13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0.26953125" customWidth="1"/>
  </cols>
  <sheetData>
    <row r="1" spans="1:8" x14ac:dyDescent="0.35">
      <c r="B1" s="15" t="s">
        <v>11</v>
      </c>
    </row>
    <row r="3" spans="1:8" x14ac:dyDescent="0.35">
      <c r="B3" s="8"/>
    </row>
    <row r="4" spans="1:8" x14ac:dyDescent="0.35">
      <c r="B4" t="s">
        <v>2</v>
      </c>
      <c r="C4" s="36">
        <f>'Accounting Statement'!C12</f>
        <v>44835</v>
      </c>
      <c r="D4" t="s">
        <v>54</v>
      </c>
      <c r="E4" s="36">
        <f>'Accounting Statement'!D12</f>
        <v>38353</v>
      </c>
    </row>
    <row r="6" spans="1:8" x14ac:dyDescent="0.35">
      <c r="D6" t="s">
        <v>5</v>
      </c>
      <c r="E6" s="1">
        <f>E4-C4</f>
        <v>-6482</v>
      </c>
    </row>
    <row r="7" spans="1:8" x14ac:dyDescent="0.35">
      <c r="D7" t="s">
        <v>39</v>
      </c>
      <c r="E7" s="6">
        <f>IF(AND(C4=0,E4=0),0,IF(C4=0,1,IF(E4=0,-1,(E4-C4)/C4)))</f>
        <v>-0.14457455113192819</v>
      </c>
      <c r="F7" t="str">
        <f>IF(E7&lt;-0.15,"yes explain",IF(E7&gt;0.15,"Yes explain","No explanation required"))</f>
        <v>No explanation required</v>
      </c>
    </row>
    <row r="9" spans="1:8" x14ac:dyDescent="0.35">
      <c r="B9" s="8" t="s">
        <v>7</v>
      </c>
    </row>
    <row r="10" spans="1:8" x14ac:dyDescent="0.35">
      <c r="B10" s="18" t="s">
        <v>41</v>
      </c>
    </row>
    <row r="11" spans="1:8" x14ac:dyDescent="0.35">
      <c r="B11" s="76" t="s">
        <v>56</v>
      </c>
    </row>
    <row r="12" spans="1:8" x14ac:dyDescent="0.35">
      <c r="B12" s="8"/>
    </row>
    <row r="13" spans="1:8" s="3" customFormat="1" ht="26.5" x14ac:dyDescent="0.35">
      <c r="B13" s="4" t="s">
        <v>4</v>
      </c>
      <c r="C13" s="4" t="s">
        <v>55</v>
      </c>
      <c r="D13" s="5" t="s">
        <v>5</v>
      </c>
      <c r="E13" s="82" t="s">
        <v>1</v>
      </c>
      <c r="F13" s="83"/>
      <c r="G13" s="82" t="s">
        <v>57</v>
      </c>
      <c r="H13" s="83"/>
    </row>
    <row r="14" spans="1:8" s="17" customFormat="1" x14ac:dyDescent="0.35">
      <c r="A14" s="16"/>
      <c r="B14" s="13"/>
      <c r="C14" s="13"/>
      <c r="D14" s="74">
        <f>C14-B14</f>
        <v>0</v>
      </c>
      <c r="E14" s="85"/>
      <c r="F14" s="86"/>
      <c r="G14" s="16"/>
    </row>
    <row r="15" spans="1:8" s="11" customFormat="1" x14ac:dyDescent="0.35">
      <c r="B15" s="12"/>
      <c r="C15" s="12"/>
      <c r="D15" s="74">
        <f t="shared" ref="D15:D28" si="0">C15-B15</f>
        <v>0</v>
      </c>
      <c r="E15" s="80"/>
      <c r="F15" s="81"/>
    </row>
    <row r="16" spans="1:8" s="11" customFormat="1" x14ac:dyDescent="0.35">
      <c r="B16" s="12"/>
      <c r="C16" s="12"/>
      <c r="D16" s="74">
        <f t="shared" si="0"/>
        <v>0</v>
      </c>
      <c r="E16" s="80"/>
      <c r="F16" s="81"/>
    </row>
    <row r="17" spans="1:8" s="11" customFormat="1" x14ac:dyDescent="0.35">
      <c r="B17" s="12"/>
      <c r="C17" s="12"/>
      <c r="D17" s="74">
        <f t="shared" si="0"/>
        <v>0</v>
      </c>
      <c r="E17" s="80"/>
      <c r="F17" s="81"/>
    </row>
    <row r="18" spans="1:8" s="11" customFormat="1" x14ac:dyDescent="0.35">
      <c r="B18" s="12"/>
      <c r="C18" s="12"/>
      <c r="D18" s="74">
        <f t="shared" si="0"/>
        <v>0</v>
      </c>
      <c r="E18" s="80"/>
      <c r="F18" s="81"/>
    </row>
    <row r="19" spans="1:8" s="11" customFormat="1" x14ac:dyDescent="0.35">
      <c r="B19" s="12"/>
      <c r="C19" s="12"/>
      <c r="D19" s="74">
        <f t="shared" si="0"/>
        <v>0</v>
      </c>
      <c r="E19" s="80"/>
      <c r="F19" s="81"/>
    </row>
    <row r="20" spans="1:8" s="11" customFormat="1" x14ac:dyDescent="0.35">
      <c r="B20" s="12"/>
      <c r="C20" s="12"/>
      <c r="D20" s="74">
        <f t="shared" si="0"/>
        <v>0</v>
      </c>
      <c r="E20" s="80"/>
      <c r="F20" s="81"/>
    </row>
    <row r="21" spans="1:8" s="11" customFormat="1" x14ac:dyDescent="0.35">
      <c r="B21" s="12"/>
      <c r="C21" s="12"/>
      <c r="D21" s="74">
        <f t="shared" si="0"/>
        <v>0</v>
      </c>
      <c r="E21" s="80"/>
      <c r="F21" s="81"/>
    </row>
    <row r="22" spans="1:8" s="11" customFormat="1" x14ac:dyDescent="0.35">
      <c r="B22" s="12"/>
      <c r="C22" s="12"/>
      <c r="D22" s="74">
        <f t="shared" si="0"/>
        <v>0</v>
      </c>
      <c r="E22" s="80"/>
      <c r="F22" s="81"/>
    </row>
    <row r="23" spans="1:8" s="11" customFormat="1" x14ac:dyDescent="0.35">
      <c r="B23" s="12"/>
      <c r="C23" s="12"/>
      <c r="D23" s="74">
        <f t="shared" si="0"/>
        <v>0</v>
      </c>
      <c r="E23" s="80"/>
      <c r="F23" s="81"/>
    </row>
    <row r="24" spans="1:8" s="11" customFormat="1" x14ac:dyDescent="0.35">
      <c r="B24" s="12"/>
      <c r="C24" s="12"/>
      <c r="D24" s="74">
        <f t="shared" si="0"/>
        <v>0</v>
      </c>
      <c r="E24" s="80"/>
      <c r="F24" s="81"/>
    </row>
    <row r="25" spans="1:8" s="11" customFormat="1" x14ac:dyDescent="0.35">
      <c r="B25" s="12"/>
      <c r="C25" s="12"/>
      <c r="D25" s="74">
        <f t="shared" si="0"/>
        <v>0</v>
      </c>
      <c r="E25" s="80"/>
      <c r="F25" s="81"/>
    </row>
    <row r="26" spans="1:8" s="11" customFormat="1" x14ac:dyDescent="0.35">
      <c r="B26" s="12"/>
      <c r="C26" s="12"/>
      <c r="D26" s="74">
        <f t="shared" si="0"/>
        <v>0</v>
      </c>
      <c r="E26" s="80"/>
      <c r="F26" s="81"/>
    </row>
    <row r="27" spans="1:8" s="11" customFormat="1" x14ac:dyDescent="0.35">
      <c r="B27" s="12"/>
      <c r="C27" s="12"/>
      <c r="D27" s="74">
        <f t="shared" si="0"/>
        <v>0</v>
      </c>
      <c r="E27" s="80"/>
      <c r="F27" s="81"/>
    </row>
    <row r="28" spans="1:8" s="11" customFormat="1" x14ac:dyDescent="0.35">
      <c r="B28" s="12"/>
      <c r="C28" s="12"/>
      <c r="D28" s="74">
        <f t="shared" si="0"/>
        <v>0</v>
      </c>
      <c r="E28" s="80"/>
      <c r="F28" s="81"/>
    </row>
    <row r="29" spans="1:8" x14ac:dyDescent="0.35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84"/>
      <c r="F29" s="81"/>
      <c r="G29" s="7"/>
    </row>
    <row r="30" spans="1:8" x14ac:dyDescent="0.35">
      <c r="H30" s="2"/>
    </row>
    <row r="31" spans="1:8" x14ac:dyDescent="0.35">
      <c r="F31" s="7"/>
    </row>
    <row r="32" spans="1:8" x14ac:dyDescent="0.35">
      <c r="A32" s="14" t="s">
        <v>6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3"/>
  <sheetViews>
    <sheetView workbookViewId="0">
      <selection activeCell="E21" sqref="E21"/>
    </sheetView>
  </sheetViews>
  <sheetFormatPr defaultColWidth="9.1796875" defaultRowHeight="14.5" x14ac:dyDescent="0.35"/>
  <cols>
    <col min="1" max="1" width="6.81640625" style="59" bestFit="1" customWidth="1"/>
    <col min="2" max="2" width="11.26953125" style="59" customWidth="1"/>
    <col min="3" max="3" width="10.7265625" style="59" customWidth="1"/>
    <col min="4" max="4" width="10.453125" style="59" bestFit="1" customWidth="1"/>
    <col min="5" max="5" width="9.81640625" style="59" customWidth="1"/>
    <col min="6" max="6" width="12.54296875" style="59" customWidth="1"/>
    <col min="7" max="16384" width="9.1796875" style="59"/>
  </cols>
  <sheetData>
    <row r="1" spans="2:7" x14ac:dyDescent="0.35">
      <c r="B1" s="64" t="s">
        <v>45</v>
      </c>
    </row>
    <row r="3" spans="2:7" x14ac:dyDescent="0.35">
      <c r="B3" s="60"/>
    </row>
    <row r="4" spans="2:7" x14ac:dyDescent="0.35">
      <c r="B4" s="59" t="s">
        <v>46</v>
      </c>
      <c r="C4" s="65">
        <f>'Accounting Statement'!D13</f>
        <v>112766</v>
      </c>
      <c r="D4" s="59" t="s">
        <v>47</v>
      </c>
      <c r="E4" s="65">
        <f>'Accounting Statement'!D8</f>
        <v>37665</v>
      </c>
    </row>
    <row r="6" spans="2:7" x14ac:dyDescent="0.35">
      <c r="D6" s="66"/>
    </row>
    <row r="7" spans="2:7" x14ac:dyDescent="0.35">
      <c r="E7" s="67"/>
    </row>
    <row r="8" spans="2:7" x14ac:dyDescent="0.35">
      <c r="E8" s="60" t="s">
        <v>48</v>
      </c>
      <c r="F8" s="60" t="s">
        <v>48</v>
      </c>
      <c r="G8" s="60" t="s">
        <v>48</v>
      </c>
    </row>
    <row r="9" spans="2:7" x14ac:dyDescent="0.35">
      <c r="B9" s="60" t="s">
        <v>49</v>
      </c>
    </row>
    <row r="10" spans="2:7" x14ac:dyDescent="0.35">
      <c r="C10" s="61" t="s">
        <v>66</v>
      </c>
      <c r="E10" s="61">
        <v>750</v>
      </c>
    </row>
    <row r="11" spans="2:7" x14ac:dyDescent="0.35">
      <c r="C11" s="61" t="s">
        <v>67</v>
      </c>
      <c r="E11" s="61">
        <v>30000</v>
      </c>
    </row>
    <row r="12" spans="2:7" x14ac:dyDescent="0.35">
      <c r="C12" s="61" t="s">
        <v>68</v>
      </c>
      <c r="E12" s="61">
        <v>17000</v>
      </c>
    </row>
    <row r="13" spans="2:7" x14ac:dyDescent="0.35">
      <c r="C13" s="61" t="s">
        <v>69</v>
      </c>
      <c r="E13" s="61">
        <v>5260</v>
      </c>
    </row>
    <row r="14" spans="2:7" x14ac:dyDescent="0.35">
      <c r="C14" s="61" t="s">
        <v>70</v>
      </c>
      <c r="E14" s="61">
        <v>1000</v>
      </c>
    </row>
    <row r="15" spans="2:7" x14ac:dyDescent="0.35">
      <c r="C15" s="61" t="s">
        <v>71</v>
      </c>
      <c r="E15" s="61">
        <v>900</v>
      </c>
    </row>
    <row r="16" spans="2:7" x14ac:dyDescent="0.35">
      <c r="C16" s="61" t="s">
        <v>73</v>
      </c>
      <c r="E16" s="61">
        <v>14400</v>
      </c>
    </row>
    <row r="17" spans="2:7" x14ac:dyDescent="0.35">
      <c r="C17" s="61" t="s">
        <v>72</v>
      </c>
      <c r="E17" s="61">
        <v>49</v>
      </c>
    </row>
    <row r="18" spans="2:7" x14ac:dyDescent="0.35">
      <c r="F18" s="62">
        <f>SUM(E10:E17)</f>
        <v>69359</v>
      </c>
    </row>
    <row r="20" spans="2:7" x14ac:dyDescent="0.35">
      <c r="B20" s="60" t="s">
        <v>50</v>
      </c>
      <c r="E20" s="61">
        <v>43407</v>
      </c>
    </row>
    <row r="21" spans="2:7" x14ac:dyDescent="0.35">
      <c r="F21" s="62">
        <f>E20</f>
        <v>43407</v>
      </c>
    </row>
    <row r="22" spans="2:7" ht="15" thickBot="1" x14ac:dyDescent="0.4">
      <c r="B22" s="60" t="s">
        <v>51</v>
      </c>
      <c r="G22" s="63">
        <f>F18+F21</f>
        <v>112766</v>
      </c>
    </row>
    <row r="23" spans="2:7" ht="15" thickTop="1" x14ac:dyDescent="0.35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E5" sqref="E5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  <col min="7" max="7" width="22" bestFit="1" customWidth="1"/>
    <col min="8" max="8" width="13.7265625" customWidth="1"/>
  </cols>
  <sheetData>
    <row r="1" spans="1:8" x14ac:dyDescent="0.35">
      <c r="B1" s="15" t="s">
        <v>12</v>
      </c>
    </row>
    <row r="3" spans="1:8" x14ac:dyDescent="0.35">
      <c r="B3" s="8"/>
    </row>
    <row r="4" spans="1:8" x14ac:dyDescent="0.35">
      <c r="B4" t="s">
        <v>2</v>
      </c>
      <c r="C4" s="36">
        <v>104696</v>
      </c>
      <c r="D4" t="s">
        <v>54</v>
      </c>
      <c r="E4" s="36">
        <v>118183</v>
      </c>
    </row>
    <row r="6" spans="1:8" x14ac:dyDescent="0.35">
      <c r="D6" t="s">
        <v>5</v>
      </c>
      <c r="E6" s="1">
        <f>E4-C4</f>
        <v>13487</v>
      </c>
    </row>
    <row r="7" spans="1:8" x14ac:dyDescent="0.35">
      <c r="D7" t="s">
        <v>39</v>
      </c>
      <c r="E7" s="6">
        <f>IF(AND(C4=0,E4=0),0,IF(C4=0,1,IF(E4=0,-1,(E4-C4)/C4)))</f>
        <v>0.12882058531367005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5">
      <c r="B9" s="8" t="s">
        <v>7</v>
      </c>
    </row>
    <row r="10" spans="1:8" x14ac:dyDescent="0.35">
      <c r="B10" s="19" t="s">
        <v>13</v>
      </c>
    </row>
    <row r="11" spans="1:8" x14ac:dyDescent="0.35">
      <c r="B11" s="18" t="s">
        <v>58</v>
      </c>
    </row>
    <row r="12" spans="1:8" s="3" customFormat="1" ht="26.25" customHeight="1" x14ac:dyDescent="0.35">
      <c r="B12" s="4" t="s">
        <v>4</v>
      </c>
      <c r="C12" s="4" t="s">
        <v>55</v>
      </c>
      <c r="D12" s="5" t="s">
        <v>5</v>
      </c>
      <c r="E12" s="82" t="s">
        <v>1</v>
      </c>
      <c r="F12" s="83"/>
      <c r="G12" s="72" t="s">
        <v>62</v>
      </c>
      <c r="H12" s="73" t="s">
        <v>63</v>
      </c>
    </row>
    <row r="13" spans="1:8" s="17" customFormat="1" x14ac:dyDescent="0.3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35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35">
      <c r="B15" s="12"/>
      <c r="C15" s="12"/>
      <c r="D15" s="13">
        <f t="shared" si="0"/>
        <v>0</v>
      </c>
      <c r="E15" s="80"/>
      <c r="F15" s="81"/>
    </row>
    <row r="16" spans="1:8" s="11" customFormat="1" x14ac:dyDescent="0.35">
      <c r="B16" s="12"/>
      <c r="C16" s="12"/>
      <c r="D16" s="13">
        <f t="shared" si="0"/>
        <v>0</v>
      </c>
      <c r="E16" s="80"/>
      <c r="F16" s="81"/>
    </row>
    <row r="17" spans="1:12" s="11" customFormat="1" x14ac:dyDescent="0.35">
      <c r="B17" s="12"/>
      <c r="C17" s="12"/>
      <c r="D17" s="13">
        <f t="shared" si="0"/>
        <v>0</v>
      </c>
      <c r="E17" s="80"/>
      <c r="F17" s="81"/>
    </row>
    <row r="18" spans="1:12" s="11" customFormat="1" x14ac:dyDescent="0.3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35">
      <c r="B19" s="12"/>
      <c r="C19" s="12"/>
      <c r="D19" s="13">
        <f t="shared" si="0"/>
        <v>0</v>
      </c>
      <c r="E19" s="80"/>
      <c r="F19" s="81"/>
    </row>
    <row r="20" spans="1:12" s="11" customFormat="1" x14ac:dyDescent="0.35">
      <c r="B20" s="12"/>
      <c r="C20" s="12"/>
      <c r="D20" s="13">
        <f t="shared" si="0"/>
        <v>0</v>
      </c>
      <c r="E20" s="80"/>
      <c r="F20" s="81"/>
    </row>
    <row r="21" spans="1:12" s="11" customFormat="1" x14ac:dyDescent="0.35">
      <c r="B21" s="12"/>
      <c r="C21" s="12"/>
      <c r="D21" s="13">
        <f t="shared" si="0"/>
        <v>0</v>
      </c>
      <c r="E21" s="80"/>
      <c r="F21" s="81"/>
    </row>
    <row r="22" spans="1:12" s="11" customFormat="1" x14ac:dyDescent="0.35">
      <c r="B22" s="12"/>
      <c r="C22" s="12"/>
      <c r="D22" s="13">
        <f t="shared" si="0"/>
        <v>0</v>
      </c>
      <c r="E22" s="80"/>
      <c r="F22" s="81"/>
    </row>
    <row r="23" spans="1:12" s="11" customFormat="1" x14ac:dyDescent="0.35">
      <c r="B23" s="12"/>
      <c r="C23" s="12"/>
      <c r="D23" s="13">
        <f t="shared" si="0"/>
        <v>0</v>
      </c>
      <c r="E23" s="80"/>
      <c r="F23" s="81"/>
    </row>
    <row r="24" spans="1:12" s="11" customFormat="1" x14ac:dyDescent="0.35">
      <c r="B24" s="12"/>
      <c r="C24" s="12"/>
      <c r="D24" s="13">
        <f t="shared" si="0"/>
        <v>0</v>
      </c>
      <c r="E24" s="80"/>
      <c r="F24" s="81"/>
    </row>
    <row r="25" spans="1:12" s="11" customFormat="1" x14ac:dyDescent="0.35">
      <c r="B25" s="12"/>
      <c r="C25" s="12"/>
      <c r="D25" s="13">
        <f t="shared" si="0"/>
        <v>0</v>
      </c>
      <c r="E25" s="80"/>
      <c r="F25" s="81"/>
    </row>
    <row r="26" spans="1:12" s="11" customFormat="1" x14ac:dyDescent="0.35">
      <c r="B26" s="12"/>
      <c r="C26" s="12"/>
      <c r="D26" s="13">
        <f t="shared" si="0"/>
        <v>0</v>
      </c>
      <c r="E26" s="80"/>
      <c r="F26" s="81"/>
    </row>
    <row r="27" spans="1:12" s="11" customFormat="1" x14ac:dyDescent="0.35">
      <c r="B27" s="12"/>
      <c r="C27" s="12"/>
      <c r="D27" s="13">
        <f t="shared" si="0"/>
        <v>0</v>
      </c>
      <c r="E27" s="80"/>
      <c r="F27" s="81"/>
    </row>
    <row r="28" spans="1:12" x14ac:dyDescent="0.3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35">
      <c r="H29" s="2"/>
    </row>
    <row r="30" spans="1:12" x14ac:dyDescent="0.35">
      <c r="A30" s="14" t="s">
        <v>6</v>
      </c>
      <c r="F30" s="7"/>
    </row>
    <row r="32" spans="1:12" x14ac:dyDescent="0.35">
      <c r="B32" s="18" t="s">
        <v>59</v>
      </c>
    </row>
    <row r="33" spans="1:8" x14ac:dyDescent="0.35">
      <c r="B33" t="s">
        <v>64</v>
      </c>
    </row>
    <row r="34" spans="1:8" x14ac:dyDescent="0.35">
      <c r="B34" t="s">
        <v>2</v>
      </c>
      <c r="C34" s="36">
        <f>'Accounting Statement'!C45</f>
        <v>0</v>
      </c>
      <c r="D34" t="s">
        <v>54</v>
      </c>
      <c r="E34" s="36">
        <f>'Accounting Statement'!D45</f>
        <v>0</v>
      </c>
    </row>
    <row r="36" spans="1:8" ht="29" x14ac:dyDescent="0.35">
      <c r="A36" s="3"/>
      <c r="B36" s="4" t="s">
        <v>4</v>
      </c>
      <c r="C36" s="4" t="s">
        <v>55</v>
      </c>
      <c r="D36" s="5" t="s">
        <v>5</v>
      </c>
      <c r="E36" s="82" t="s">
        <v>1</v>
      </c>
      <c r="F36" s="83"/>
      <c r="G36" s="72" t="s">
        <v>62</v>
      </c>
      <c r="H36" s="73" t="s">
        <v>63</v>
      </c>
    </row>
    <row r="37" spans="1:8" x14ac:dyDescent="0.3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3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3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3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4.5" x14ac:dyDescent="0.35"/>
  <cols>
    <col min="1" max="1" width="6.81640625" bestFit="1" customWidth="1"/>
    <col min="2" max="2" width="11.26953125" customWidth="1"/>
    <col min="3" max="3" width="10.7265625" customWidth="1"/>
    <col min="4" max="4" width="10.453125" bestFit="1" customWidth="1"/>
    <col min="5" max="5" width="9.81640625" customWidth="1"/>
    <col min="6" max="6" width="70.7265625" bestFit="1" customWidth="1"/>
  </cols>
  <sheetData>
    <row r="1" spans="1:7" x14ac:dyDescent="0.35">
      <c r="B1" s="15" t="s">
        <v>14</v>
      </c>
    </row>
    <row r="3" spans="1:7" x14ac:dyDescent="0.35">
      <c r="B3" s="8"/>
    </row>
    <row r="4" spans="1:7" x14ac:dyDescent="0.35">
      <c r="B4" t="s">
        <v>2</v>
      </c>
      <c r="C4" s="36">
        <f>'Accounting Statement'!C17</f>
        <v>0</v>
      </c>
      <c r="D4" t="s">
        <v>54</v>
      </c>
      <c r="E4" s="36">
        <f>'Accounting Statement'!D17</f>
        <v>0</v>
      </c>
    </row>
    <row r="6" spans="1:7" x14ac:dyDescent="0.35">
      <c r="D6" t="s">
        <v>5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7</v>
      </c>
    </row>
    <row r="10" spans="1:7" x14ac:dyDescent="0.35">
      <c r="B10" s="18" t="s">
        <v>60</v>
      </c>
    </row>
    <row r="11" spans="1:7" s="3" customFormat="1" ht="26.5" x14ac:dyDescent="0.3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1:7" s="17" customFormat="1" x14ac:dyDescent="0.3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35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35">
      <c r="B14" s="12"/>
      <c r="C14" s="12"/>
      <c r="D14" s="13">
        <f t="shared" si="0"/>
        <v>0</v>
      </c>
      <c r="E14" s="80"/>
      <c r="F14" s="81"/>
    </row>
    <row r="15" spans="1:7" s="11" customFormat="1" x14ac:dyDescent="0.35">
      <c r="B15" s="12"/>
      <c r="C15" s="12"/>
      <c r="D15" s="13">
        <f t="shared" si="0"/>
        <v>0</v>
      </c>
      <c r="E15" s="80"/>
      <c r="F15" s="81"/>
    </row>
    <row r="16" spans="1:7" s="11" customFormat="1" x14ac:dyDescent="0.35">
      <c r="B16" s="12"/>
      <c r="C16" s="12"/>
      <c r="D16" s="13">
        <f t="shared" si="0"/>
        <v>0</v>
      </c>
      <c r="E16" s="80"/>
      <c r="F16" s="81"/>
    </row>
    <row r="17" spans="1:8" s="11" customFormat="1" x14ac:dyDescent="0.35">
      <c r="B17" s="12"/>
      <c r="C17" s="12"/>
      <c r="D17" s="13">
        <f t="shared" si="0"/>
        <v>0</v>
      </c>
      <c r="E17" s="80"/>
      <c r="F17" s="81"/>
    </row>
    <row r="18" spans="1:8" s="11" customFormat="1" x14ac:dyDescent="0.35">
      <c r="B18" s="12"/>
      <c r="C18" s="12"/>
      <c r="D18" s="13">
        <f t="shared" si="0"/>
        <v>0</v>
      </c>
      <c r="E18" s="80"/>
      <c r="F18" s="81"/>
    </row>
    <row r="19" spans="1:8" x14ac:dyDescent="0.3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35">
      <c r="H20" s="2"/>
    </row>
    <row r="21" spans="1:8" x14ac:dyDescent="0.35">
      <c r="F21" s="7"/>
    </row>
    <row r="22" spans="1:8" x14ac:dyDescent="0.35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Droxford Clerk</cp:lastModifiedBy>
  <cp:lastPrinted>2023-03-20T07:35:33Z</cp:lastPrinted>
  <dcterms:created xsi:type="dcterms:W3CDTF">2023-03-10T09:35:56Z</dcterms:created>
  <dcterms:modified xsi:type="dcterms:W3CDTF">2024-06-13T10:38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